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038\Documents\107\107綜計組\107綜合科業務\成果展示\2018台灣創新技術博覽會\"/>
    </mc:Choice>
  </mc:AlternateContent>
  <bookViews>
    <workbookView xWindow="0" yWindow="0" windowWidth="23040" windowHeight="9132"/>
  </bookViews>
  <sheets>
    <sheet name="工作表1" sheetId="1" r:id="rId1"/>
    <sheet name="工作表2" sheetId="2" r:id="rId2"/>
    <sheet name="工作表3" sheetId="3" r:id="rId3"/>
  </sheets>
  <calcPr calcId="145621"/>
</workbook>
</file>

<file path=xl/sharedStrings.xml><?xml version="1.0" encoding="utf-8"?>
<sst xmlns="http://schemas.openxmlformats.org/spreadsheetml/2006/main" count="61" uniqueCount="37">
  <si>
    <t>薄膜厚度量測方法及其系統</t>
  </si>
  <si>
    <t>金</t>
  </si>
  <si>
    <t>高效能廢熱回收熱管內部結構</t>
  </si>
  <si>
    <t>銅</t>
  </si>
  <si>
    <t>電致變色裝置之製備方法</t>
  </si>
  <si>
    <t>銀</t>
  </si>
  <si>
    <t>電化學元件之製造方法</t>
  </si>
  <si>
    <t>可攜式火焰發電裝置、金屬支撐型固態氧化物燃料電池及製作方法</t>
  </si>
  <si>
    <t>含鈣鋁碳酸鹽中高溫捕碳劑造粒製造方法</t>
  </si>
  <si>
    <t>低成本隔離膜製法</t>
  </si>
  <si>
    <t>燃料電池之膜電極組結構及其製作方法</t>
  </si>
  <si>
    <t>大氣環境燒結之導電銅膜製備方法</t>
  </si>
  <si>
    <t>有機太陽能電池的製作方法</t>
  </si>
  <si>
    <t>微電網能源管理即時調度方法</t>
  </si>
  <si>
    <t>可隨插即用之救災型再生能源微電網</t>
  </si>
  <si>
    <t>高效率半釩液流儲能電池</t>
  </si>
  <si>
    <t>高分子、熱敏感載體及其用途</t>
  </si>
  <si>
    <t>放射免疫複合體、診療劑及套組</t>
  </si>
  <si>
    <t>奈米顆粒及其製備方法</t>
  </si>
  <si>
    <t>用於數位X光機的自動曝露控制系統舆其方法</t>
  </si>
  <si>
    <t>內建溫度感應器之空氣游離腔裝置</t>
  </si>
  <si>
    <t>風機降噪裝置及應用其之風機</t>
  </si>
  <si>
    <t>獎項</t>
    <phoneticPr fontId="1" type="noConversion"/>
  </si>
  <si>
    <t>組別</t>
    <phoneticPr fontId="1" type="noConversion"/>
  </si>
  <si>
    <t>機械系統</t>
    <phoneticPr fontId="1" type="noConversion"/>
  </si>
  <si>
    <t>保物組</t>
    <phoneticPr fontId="1" type="noConversion"/>
  </si>
  <si>
    <t>物理組</t>
    <phoneticPr fontId="1" type="noConversion"/>
  </si>
  <si>
    <t>化學組</t>
    <phoneticPr fontId="1" type="noConversion"/>
  </si>
  <si>
    <t>核儀組</t>
    <phoneticPr fontId="1" type="noConversion"/>
  </si>
  <si>
    <t>同位素組</t>
    <phoneticPr fontId="1" type="noConversion"/>
  </si>
  <si>
    <t>物理組</t>
    <phoneticPr fontId="1" type="noConversion"/>
  </si>
  <si>
    <t>燃材組</t>
    <phoneticPr fontId="1" type="noConversion"/>
  </si>
  <si>
    <t>同位素組</t>
    <phoneticPr fontId="1" type="noConversion"/>
  </si>
  <si>
    <t>同位素組</t>
    <phoneticPr fontId="1" type="noConversion"/>
  </si>
  <si>
    <t>燃材組</t>
    <phoneticPr fontId="1" type="noConversion"/>
  </si>
  <si>
    <t>2018臺灣創新技術博覽會競賽區獲獎統計表</t>
    <phoneticPr fontId="1" type="noConversion"/>
  </si>
  <si>
    <t>獲獎技術項目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14"/>
      <color theme="1"/>
      <name val="標楷體"/>
      <family val="4"/>
      <charset val="136"/>
    </font>
  </fonts>
  <fills count="6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vertical="center" wrapText="1"/>
    </xf>
    <xf numFmtId="0" fontId="2" fillId="3" borderId="1" xfId="0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vertical="center" wrapText="1"/>
    </xf>
    <xf numFmtId="0" fontId="2" fillId="4" borderId="1" xfId="0" applyFont="1" applyFill="1" applyBorder="1" applyAlignment="1">
      <alignment horizontal="center" vertical="center" wrapText="1"/>
    </xf>
    <xf numFmtId="0" fontId="2" fillId="4" borderId="1" xfId="0" applyFont="1" applyFill="1" applyBorder="1" applyAlignment="1">
      <alignment vertical="center" wrapText="1"/>
    </xf>
    <xf numFmtId="0" fontId="2" fillId="4" borderId="1" xfId="0" applyFont="1" applyFill="1" applyBorder="1" applyAlignment="1">
      <alignment horizontal="justify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distributed" vertical="center" indent="1"/>
    </xf>
    <xf numFmtId="0" fontId="2" fillId="3" borderId="1" xfId="0" applyFont="1" applyFill="1" applyBorder="1" applyAlignment="1">
      <alignment horizontal="distributed" vertical="center" indent="1"/>
    </xf>
    <xf numFmtId="0" fontId="2" fillId="4" borderId="1" xfId="0" applyFont="1" applyFill="1" applyBorder="1" applyAlignment="1">
      <alignment horizontal="distributed" vertical="center" indent="1"/>
    </xf>
    <xf numFmtId="0" fontId="2" fillId="0" borderId="2" xfId="0" applyFont="1" applyBorder="1" applyAlignment="1">
      <alignment horizontal="center"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1"/>
  <sheetViews>
    <sheetView tabSelected="1" workbookViewId="0">
      <selection activeCell="G5" sqref="G5"/>
    </sheetView>
  </sheetViews>
  <sheetFormatPr defaultColWidth="9" defaultRowHeight="19.8" x14ac:dyDescent="0.3"/>
  <cols>
    <col min="1" max="1" width="6.77734375" style="2" customWidth="1"/>
    <col min="2" max="2" width="15.21875" style="2" customWidth="1"/>
    <col min="3" max="3" width="74.6640625" style="1" customWidth="1"/>
    <col min="4" max="16384" width="9" style="1"/>
  </cols>
  <sheetData>
    <row r="1" spans="1:3" x14ac:dyDescent="0.3">
      <c r="A1" s="15" t="s">
        <v>35</v>
      </c>
      <c r="B1" s="15"/>
      <c r="C1" s="15"/>
    </row>
    <row r="2" spans="1:3" ht="30.75" customHeight="1" x14ac:dyDescent="0.3">
      <c r="A2" s="10" t="s">
        <v>22</v>
      </c>
      <c r="B2" s="11" t="s">
        <v>23</v>
      </c>
      <c r="C2" s="10" t="s">
        <v>36</v>
      </c>
    </row>
    <row r="3" spans="1:3" ht="30.75" customHeight="1" x14ac:dyDescent="0.3">
      <c r="A3" s="3" t="s">
        <v>1</v>
      </c>
      <c r="B3" s="12" t="s">
        <v>30</v>
      </c>
      <c r="C3" s="4" t="s">
        <v>0</v>
      </c>
    </row>
    <row r="4" spans="1:3" ht="30.75" customHeight="1" x14ac:dyDescent="0.3">
      <c r="A4" s="3" t="s">
        <v>1</v>
      </c>
      <c r="B4" s="12" t="s">
        <v>31</v>
      </c>
      <c r="C4" s="4" t="s">
        <v>11</v>
      </c>
    </row>
    <row r="5" spans="1:3" ht="30.75" customHeight="1" x14ac:dyDescent="0.3">
      <c r="A5" s="3" t="s">
        <v>1</v>
      </c>
      <c r="B5" s="12" t="s">
        <v>34</v>
      </c>
      <c r="C5" s="4" t="s">
        <v>12</v>
      </c>
    </row>
    <row r="6" spans="1:3" ht="30.75" customHeight="1" x14ac:dyDescent="0.3">
      <c r="A6" s="3" t="s">
        <v>1</v>
      </c>
      <c r="B6" s="12" t="s">
        <v>32</v>
      </c>
      <c r="C6" s="4" t="s">
        <v>18</v>
      </c>
    </row>
    <row r="7" spans="1:3" ht="30.75" customHeight="1" x14ac:dyDescent="0.3">
      <c r="A7" s="3" t="s">
        <v>1</v>
      </c>
      <c r="B7" s="12" t="s">
        <v>25</v>
      </c>
      <c r="C7" s="4" t="s">
        <v>19</v>
      </c>
    </row>
    <row r="8" spans="1:3" ht="30.75" customHeight="1" x14ac:dyDescent="0.3">
      <c r="A8" s="3" t="s">
        <v>1</v>
      </c>
      <c r="B8" s="12" t="s">
        <v>24</v>
      </c>
      <c r="C8" s="4" t="s">
        <v>21</v>
      </c>
    </row>
    <row r="9" spans="1:3" ht="30.75" customHeight="1" x14ac:dyDescent="0.3">
      <c r="A9" s="5" t="s">
        <v>5</v>
      </c>
      <c r="B9" s="13" t="s">
        <v>26</v>
      </c>
      <c r="C9" s="6" t="s">
        <v>4</v>
      </c>
    </row>
    <row r="10" spans="1:3" ht="30.75" customHeight="1" x14ac:dyDescent="0.3">
      <c r="A10" s="5" t="s">
        <v>5</v>
      </c>
      <c r="B10" s="13" t="s">
        <v>26</v>
      </c>
      <c r="C10" s="6" t="s">
        <v>7</v>
      </c>
    </row>
    <row r="11" spans="1:3" ht="30.75" customHeight="1" x14ac:dyDescent="0.3">
      <c r="A11" s="5" t="s">
        <v>5</v>
      </c>
      <c r="B11" s="13" t="s">
        <v>31</v>
      </c>
      <c r="C11" s="6" t="s">
        <v>10</v>
      </c>
    </row>
    <row r="12" spans="1:3" ht="30.75" customHeight="1" x14ac:dyDescent="0.3">
      <c r="A12" s="5" t="s">
        <v>5</v>
      </c>
      <c r="B12" s="13" t="s">
        <v>33</v>
      </c>
      <c r="C12" s="6" t="s">
        <v>16</v>
      </c>
    </row>
    <row r="13" spans="1:3" ht="30.75" customHeight="1" x14ac:dyDescent="0.3">
      <c r="A13" s="5" t="s">
        <v>5</v>
      </c>
      <c r="B13" s="13" t="s">
        <v>25</v>
      </c>
      <c r="C13" s="6" t="s">
        <v>20</v>
      </c>
    </row>
    <row r="14" spans="1:3" ht="30.75" customHeight="1" x14ac:dyDescent="0.3">
      <c r="A14" s="7" t="s">
        <v>3</v>
      </c>
      <c r="B14" s="14" t="s">
        <v>26</v>
      </c>
      <c r="C14" s="8" t="s">
        <v>2</v>
      </c>
    </row>
    <row r="15" spans="1:3" ht="30.75" customHeight="1" x14ac:dyDescent="0.3">
      <c r="A15" s="7" t="s">
        <v>3</v>
      </c>
      <c r="B15" s="14" t="s">
        <v>26</v>
      </c>
      <c r="C15" s="9" t="s">
        <v>6</v>
      </c>
    </row>
    <row r="16" spans="1:3" ht="30.75" customHeight="1" x14ac:dyDescent="0.3">
      <c r="A16" s="7" t="s">
        <v>3</v>
      </c>
      <c r="B16" s="14" t="s">
        <v>27</v>
      </c>
      <c r="C16" s="8" t="s">
        <v>8</v>
      </c>
    </row>
    <row r="17" spans="1:3" ht="30.75" customHeight="1" x14ac:dyDescent="0.3">
      <c r="A17" s="7" t="s">
        <v>3</v>
      </c>
      <c r="B17" s="14" t="s">
        <v>27</v>
      </c>
      <c r="C17" s="8" t="s">
        <v>9</v>
      </c>
    </row>
    <row r="18" spans="1:3" ht="30.75" customHeight="1" x14ac:dyDescent="0.3">
      <c r="A18" s="7" t="s">
        <v>3</v>
      </c>
      <c r="B18" s="14" t="s">
        <v>28</v>
      </c>
      <c r="C18" s="8" t="s">
        <v>13</v>
      </c>
    </row>
    <row r="19" spans="1:3" ht="30.75" customHeight="1" x14ac:dyDescent="0.3">
      <c r="A19" s="7" t="s">
        <v>3</v>
      </c>
      <c r="B19" s="14" t="s">
        <v>28</v>
      </c>
      <c r="C19" s="8" t="s">
        <v>14</v>
      </c>
    </row>
    <row r="20" spans="1:3" ht="30.75" customHeight="1" x14ac:dyDescent="0.3">
      <c r="A20" s="7" t="s">
        <v>3</v>
      </c>
      <c r="B20" s="14" t="s">
        <v>28</v>
      </c>
      <c r="C20" s="8" t="s">
        <v>15</v>
      </c>
    </row>
    <row r="21" spans="1:3" ht="30.75" customHeight="1" x14ac:dyDescent="0.3">
      <c r="A21" s="7" t="s">
        <v>3</v>
      </c>
      <c r="B21" s="14" t="s">
        <v>29</v>
      </c>
      <c r="C21" s="8" t="s">
        <v>17</v>
      </c>
    </row>
  </sheetData>
  <sortState ref="A1:C26">
    <sortCondition ref="A1"/>
  </sortState>
  <mergeCells count="1">
    <mergeCell ref="A1:C1"/>
  </mergeCells>
  <phoneticPr fontId="1" type="noConversion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6.2" x14ac:dyDescent="0.3"/>
  <sheetData/>
  <phoneticPr fontId="1" type="noConversion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6.2" x14ac:dyDescent="0.3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3</vt:i4>
      </vt:variant>
    </vt:vector>
  </HeadingPairs>
  <TitlesOfParts>
    <vt:vector size="3" baseType="lpstr">
      <vt:lpstr>工作表1</vt:lpstr>
      <vt:lpstr>工作表2</vt:lpstr>
      <vt:lpstr>工作表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邱鍠盛</cp:lastModifiedBy>
  <dcterms:created xsi:type="dcterms:W3CDTF">2018-09-29T02:45:03Z</dcterms:created>
  <dcterms:modified xsi:type="dcterms:W3CDTF">2018-10-01T01:38:16Z</dcterms:modified>
</cp:coreProperties>
</file>